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3"/>
  <workbookPr defaultThemeVersion="166925"/>
  <mc:AlternateContent xmlns:mc="http://schemas.openxmlformats.org/markup-compatibility/2006">
    <mc:Choice Requires="x15">
      <x15ac:absPath xmlns:x15ac="http://schemas.microsoft.com/office/spreadsheetml/2010/11/ac" url="C:\Users\s120055\Desktop\"/>
    </mc:Choice>
  </mc:AlternateContent>
  <xr:revisionPtr revIDLastSave="0" documentId="8_{58216718-BB06-422F-B9C1-E0C051F1DE6E}" xr6:coauthVersionLast="36" xr6:coauthVersionMax="36" xr10:uidLastSave="{00000000-0000-0000-0000-000000000000}"/>
  <bookViews>
    <workbookView xWindow="0" yWindow="0" windowWidth="28800" windowHeight="12225" xr2:uid="{27FFB04B-76D6-450D-BC7D-2C481F5952A4}"/>
  </bookViews>
  <sheets>
    <sheet name="Лист1" sheetId="1" r:id="rId1"/>
  </sheet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 uniqueCount="72">
  <si>
    <t>ПАСПОРТ СТАРТАП-ПРОЕКТА</t>
  </si>
  <si>
    <t>Наименование образовательной организации высшего образования (Получателя гранта)</t>
  </si>
  <si>
    <t>Карточка ВУЗа (по ИНН)</t>
  </si>
  <si>
    <t xml:space="preserve">Регион ВУЗа </t>
  </si>
  <si>
    <t>Наименование акселерационной программы</t>
  </si>
  <si>
    <t>Дата заключения и номер Договора</t>
  </si>
  <si>
    <t>г.Москва</t>
  </si>
  <si>
    <t>КРАТКАЯ ИНФОРМАЦИЯ О СТАРТАП-ПРОЕКТЕ</t>
  </si>
  <si>
    <t>Тема стартап-проекта</t>
  </si>
  <si>
    <t>Название стартап-проекта</t>
  </si>
  <si>
    <t>Технологическое направление в соответствии с перечнем критических технологий РФ</t>
  </si>
  <si>
    <t>Рынок НТИ</t>
  </si>
  <si>
    <t>Сквозные технологии</t>
  </si>
  <si>
    <t>ИНФОРМАЦИЯ О ЛИДЕРЕ И УЧАСТНИКАХ СТАРТАП-ПРОЕКТА</t>
  </si>
  <si>
    <t>Лидер стартап-проекта</t>
  </si>
  <si>
    <t>Глушницкий Егор Вячеславович +7-985-947-78-71</t>
  </si>
  <si>
    <t>" JewelTech "</t>
  </si>
  <si>
    <t>ПЛАН РЕАЛИЗАЦИИ СТАРТАП-ПРОЕКТА</t>
  </si>
  <si>
    <t>Аннотация проекта</t>
  </si>
  <si>
    <t>Проект "JewelTech" направлен на создание уникальных украшений, используя материалы, полученные из утилизированных электронных устройств. Целью проекта является снижение количества отходов электроники и их воздействия на окружающую среду, а также создание экологически чистых и стильных украшений. В рамках проекта будет проведена работа по разработке дизайна, изготовлению и продвижению украшений, а также информационной кампании о проблеме перерабтывания электроники.</t>
  </si>
  <si>
    <t>Базовая бизнес-идея</t>
  </si>
  <si>
    <t>Федеральное государственное бюджетное образовательное учреждение высшего образования «Государственный университет управления»</t>
  </si>
  <si>
    <t>Какой продукт (товар/ услуга/ устройство/ ПО/ технология/ процесс и т.д.) будет продаваться</t>
  </si>
  <si>
    <t>Главным продуктом нашего проекта являются украшения, такие как ожерелья, браслеты, серьги и кольца, изготовленные из материалов, полученных из утилизированных электронных устройств. Это могут быть различные детали, например, микросхемы, провода, печатные платы и т.д., которые после переработки будут использованы для создания стильных и экологически чистых украшений. Каждое изделие будет уникальным и иметь особую ценность, так как оно будет создано из уникальных материалов, которые не повторяются.</t>
  </si>
  <si>
    <r>
      <rPr>
        <b/>
        <sz val="14"/>
        <color rgb="FFFF0000"/>
        <rFont val="Calibri"/>
        <family val="2"/>
        <charset val="204"/>
        <scheme val="minor"/>
      </rPr>
      <t>Команда стартап-проекта (участники стартап-проекта, которые работают в рамках акселерационной программы)</t>
    </r>
    <r>
      <rPr>
        <b/>
        <sz val="14"/>
        <color theme="1"/>
        <rFont val="Calibri"/>
        <family val="2"/>
        <charset val="204"/>
        <scheme val="minor"/>
      </rPr>
      <t xml:space="preserve"> - </t>
    </r>
    <r>
      <rPr>
        <b/>
        <sz val="18"/>
        <color theme="1"/>
        <rFont val="Calibri"/>
        <family val="2"/>
        <charset val="204"/>
        <scheme val="minor"/>
      </rPr>
      <t>Глушницкий Егор Вячеславович</t>
    </r>
    <r>
      <rPr>
        <b/>
        <sz val="14"/>
        <color theme="1"/>
        <rFont val="Calibri"/>
        <family val="2"/>
        <charset val="204"/>
        <scheme val="minor"/>
      </rPr>
      <t xml:space="preserve"> (+7-985-947-78-71)/Руководитель проекта/Зона ответственности: Финансы/Студент 2го курса Института Экономики и Финансов.</t>
    </r>
    <r>
      <rPr>
        <b/>
        <sz val="18"/>
        <color theme="1"/>
        <rFont val="Calibri"/>
        <family val="2"/>
        <charset val="204"/>
        <scheme val="minor"/>
      </rPr>
      <t xml:space="preserve"> Зобнина Диана Алексеевна </t>
    </r>
    <r>
      <rPr>
        <b/>
        <sz val="14"/>
        <color theme="1"/>
        <rFont val="Calibri"/>
        <family val="2"/>
        <charset val="204"/>
        <scheme val="minor"/>
      </rPr>
      <t xml:space="preserve">(+7-915-409-31-05)/Помощник руководителя проекта/Зона ответственности: Ведение проекта и Маркетинг/Студент 2го курса Института Экономики и Финансов. </t>
    </r>
    <r>
      <rPr>
        <b/>
        <sz val="18"/>
        <color theme="1"/>
        <rFont val="Calibri"/>
        <family val="2"/>
        <charset val="204"/>
        <scheme val="minor"/>
      </rPr>
      <t>Мельник Екатерина Радионовна</t>
    </r>
    <r>
      <rPr>
        <b/>
        <sz val="14"/>
        <color theme="1"/>
        <rFont val="Calibri"/>
        <family val="2"/>
        <charset val="204"/>
        <scheme val="minor"/>
      </rPr>
      <t xml:space="preserve"> (+7-991-618-43-66)/Помощник руководителя проекта/Зона ответственности: Прогнозирование рисков и Анализ рынка/Студент 2го курса Института Экономики и Финансов.</t>
    </r>
  </si>
  <si>
    <t>Какую и чью (какого типа потребителей) проблему решает</t>
  </si>
  <si>
    <t>Проект решает проблему загрязнения окружающей среды электронным мусором и способствует развитию устойчивого образа жизни и потребления. Он также поднимает осознанность потребителей о проблеме электронного мусора и показывает, что даже из таких материалов можно создать красивые и оригинальные украшения.</t>
  </si>
  <si>
    <t>Потенциальные потребительские сегменты</t>
  </si>
  <si>
    <t>1. Экологически осознанные потребители, которые стремятся уменьшить свой углеродный след и поддерживать устойчивое производство.
2. Люди, которые ценят оригинальные и уникальные украшения, сделанные из необычных материалов.
3. Компании, заинтересованные в корпоративной социальной ответственности и поиске устойчивых решений для своего бизнеса.
4. Люди, заботящиеся о проблеме электронного мусора и готовые поддержать проект, который направлен на его решение.
Проект может привлечь внимание этих сегментов путем проведения маркетинговых кампаний, участия в экологических мероприятиях и выставках, а также путем создания сообщества в социальных сетях, где будут демонстрироваться преимущества использования украшений из переработанной электроники.</t>
  </si>
  <si>
    <t>На основе какого научно-технического решения и/или результата будет создан продукт (с указанием использования собственных или существующих разработок)</t>
  </si>
  <si>
    <t>Рециклинг (Позволяет извлечь ценные материалы и компоненты); 3D печать (для создания уникального дизайна); Привычные многим технологии для создания/изготовления ювелирных украшений (Плавка металла,обработка/подгонка/шлифовка изделий).</t>
  </si>
  <si>
    <t>Бизнес-модель</t>
  </si>
  <si>
    <t>ПРОДУКТ + ВОЗМОЖНОСТЬ СОПРОВОЖДЕНИЯ/ОРИЕНТИРОВАНИЯ ПО ПРОГРАММЕ ЛОЯЛЬНОСТИ. 1. Определение целевой аудитории: Идентифицировать целевую аудиторию, которая заинтересована в уникальных ювелирных украшениях, выполненных из переработанных электронных компонентов. Возможно, это будут экологически осознанные потребители, люди, интересующиеся современными и трендовыми аксессуарами или те, кто ищет нестандартные изделия.
2. Поиск и переработка материалов: Разработать стратегию для поиска и переработки электронных компонентов, таких как микросхемы, провода и дисплеи, для использования их в качестве основных материалов для создания ювелирных украшений. Это может включать сотрудничество с электронными производителями или компаниями по утилизации электроники.
3. Создание дизайна: Разработать уникальные и привлекательные дизайны для ювелирных изделий, используя переработанные электронные компоненты. Дизайн должен быть эстетически привлекательным, одновременно сохраняя характеристики электронных материалов.
4. Производство: Установить процесс производства, который позволит эффективно создавать ювелирные украшения из переработанных электронных компонентов. Это может включать создание специализированного оборудования или сотрудничество с производственными партнерами.
5. Маркетинг и продажи: Разработать стратегию маркетинга и продаж, чтобы привлечь клиентов и продвигать ювелирные изделия. Возможно, это включает использование цифрового маркетинга, участие в ярмарках украшений или сотрудничество с розничными магазинами.
6. Установление цен: Определить цены на ювелирные изделия, учитывая стоимость переработанных электронных компонентов, затраты на производство, маржу и конкурентоспособность на рынке.
7. Устойчивость и социальная ответственность: Убедиться, что бизнес модель основана на принципах устойчивого развития и социальной ответственности, включая соблюдение экологических стандартов и этических требований при покупке и переработке электронных компонентов.
8. Постоянное развитие: Разрабатывать постоянные стратегии для инновации и развития, чтобы сохранять конкурентоспособность на рынке и удовлетворять потребности и требования клиентов.</t>
  </si>
  <si>
    <t>Основные конкуренты</t>
  </si>
  <si>
    <t>Все существующие компании/предприятия, специализирующиеся на производстве/выпуске ювелирных украшений.</t>
  </si>
  <si>
    <t>ТехноДрайв</t>
  </si>
  <si>
    <t>28 июня 2023г. №70-2023-000647</t>
  </si>
  <si>
    <t>Ценностное предложение</t>
  </si>
  <si>
    <t>Ценностное предложение нашего стартапа основано на следующих принципах:
1. Уникальность: Каждое ювелирное изделие создается вручную и является уникальным в своем роде. Он предлагает возможность носить украшение, которое никто другой не имеет.
2. Экологический подход: Использование переработанной электроники позволяет сократить количество отходов и уменьшить воздействие на окружающую среду. Это значительно уменьшает потребление природных ресурсов и содействует устойчивому развитию.
3. Качество и прочность: Материалы, полученные из переработанной электроники, обладают высокой прочностью и долговечностью, что гарантирует долгую службу изделий и их сохранность.
4. Инновационность: Использование электронных элементов и технологий в ювелирных изделиях придает им современный и смелый вид. В то же время, это позволяет создавать изделия с новыми функциональными характеристиками.
5. Социальная ответственность: Закупка переработанной электроники для создания ювелирных изделий помогает внедрять социально ответственные практики, так как часть дохода от продажи можем направить на благотворительные проекты или поддержку социальных и экологических организаций.</t>
  </si>
  <si>
    <t>Обоснование реализуемости (устойчивости) бизнеса (конкурентные преимущества (включая наличие уникальных РИД, действующих индустриальных партнеров, доступ к ограниченным ресурсам и т.д.); дефицит, дешевизна, уникальность и т.п.</t>
  </si>
  <si>
    <t>1. Существует растущий спрос на устойчивые и экологически чистые товары. Потребители все больше обращают внимание на происхождение продуктов, и украшения из переработанной электроники могут привлечь внимание таких потребителей.
2. Корпоративная социальная ответственность становится все более важной для компаний, и они готовы поддержать проекты, направленные на устойчивое производство и использование ресурсов.
3. Существует технологическая возможность для переработки электроники в украшения, что делает проект реализуемым с технической точки зрения.
4. Социальные сети и онлайн-платформы предоставляют возможность для продвижения продукции и привлечения целевой аудитории, что делает проект доступным для маркетинга и продажи.</t>
  </si>
  <si>
    <t>Характеристика будущего продукта</t>
  </si>
  <si>
    <t>Основные технические параметры, включая обоснование соответствия идеи/задела тематическому направлению (лоту)</t>
  </si>
  <si>
    <t>Организационные, производственные и финансовые параметры бизнеса</t>
  </si>
  <si>
    <t>Основные конкурентные преимущества</t>
  </si>
  <si>
    <t>Научно-техническое решение и/или результаты, необходимые для создания продукции</t>
  </si>
  <si>
    <t>«Задел». Уровень готовности продукта TRL</t>
  </si>
  <si>
    <t>Соответствие проекта научным и(или) научно-техническим приоритетам образовательной организации/региона заявителя/предприятия</t>
  </si>
  <si>
    <t>Каналы продвижения будущего продукта</t>
  </si>
  <si>
    <t>Каналы сбыта будущего продукта</t>
  </si>
  <si>
    <t>Основные технические параметры проекта включают в себя:
1. Технология переработки: необходимо определить процесс переработки электроники в материалы, которые могут быть использованы для изготовления украшений. Это может включать в себя извлечение драгоценных металлов и других ценных материалов из утилизированных электронных устройств.
2. Дизайн украшений: разработка уникальных дизайнов украшений, которые будут привлекательны для потребителей. Это может включать в себя создание коллекций украшений, которые будут соответствовать различным стилям и предпочтениям потребителей.
3. Качество материалов: необходимо обеспечить высокое качество материалов, полученных из переработанной электроники, чтобы украшения были долговечными и безопасными для использования.
4. Производственный процесс: определение процесса производства украшений из переработанной электроники, включая выбор оборудования и технологий, необходимых для изготовления продукции.
5. Управление отходами: разработка системы управления отходами, чтобы минимизировать негативное воздействие на окружающую среду и обеспечить устойчивость производства.
6. Тестирование и сертификация: необходимо провести тестирование украшений из переработанной электроники, а также сертификацию продукции, чтобы гарантировать их соответствие стандартам качества и безопасности.</t>
  </si>
  <si>
    <t>Организационные параметры проекта включают в себя:
1. Определение структуры управления проектом, включая назначение ролей и обязанностей ключевых участников.
2. Разработка бизнес-плана, включающего в себя маркетинговую стратегию, операционный план, финансовый план и план управления рисками.
3. Поиск и привлечение инвестиций для финансирования проекта.
4. Установление партнерских отношений с поставщиками материалов и оборудования, а также с потенциальными покупателями украшений.
Производственные параметры проекта включают в себя:
1. Выбор места расположения производственного предприятия, учитывая доступность сырья, трудовых ресурсов и рынков сбыта.
2. Разработка производственного процесса, включая оптимизацию технологических процедур и обеспечение безопасности труда.
3. Определение необходимого оборудования и технологий для производства украшений из переработанной электроники.
4. Обучение персонала и разработка системы контроля качества продукции.
Финансовые параметры проекта включают в себя:
1. Оценка затрат на запуск производства украшений из переработанной электроники, включая закупку оборудования, аренду помещений, оплату труда и прочие операционные расходы.
2. Прогнозирование доходов от реализации украшений и оценка потенциальной прибыли.
3. Разработка финансового плана, включающего в себя расходы, доходы, прогнозные показатели и оценку инвестиционной привлекательности проекта.
4. Поиск и привлечение инвестиций, а также возможность получения государственных грантов или поддержки для реализации проекта.</t>
  </si>
  <si>
    <t>1. Уникальность продукции - украшения из переработанной электроники представляют собой экологически чистый и стильный продукт, что может привлечь внимание экологически осознанных потребителей.
2. Инновационный подход - использование технологий переработки электроники для создания украшений открывает новые возможности для дизайна и производства уникальных изделий.
3. Социальная ответственность - проект способствует борьбе с загрязнением окружающей среды и созданию рабочих мест в сфере переработки электроники.
4. Потенциал для развития - с увеличением осознанности потребителей относительно проблемы электронного мусора, производство украшений из переработанной электроники имеет потенциал для роста и развития на рынке украшений.</t>
  </si>
  <si>
    <t>Технологии переработки электроники, которые позволяют извлекать ценные материалы из утилизированных устройств.                                                                                 Знание о дизайне украшений и возможности их создания из переработанной электроники.
 Методы обработки и обработки материалов, чтобы создать стильные и качественные украшения.
Понимание потребностей и предпочтений экологически осознанных потребителей для создания продукции, которая будет ими востребована.
Маркетинговые и продажные навыки для продвижения продукции на рынке украшений.</t>
  </si>
  <si>
    <t xml:space="preserve">Организационно, кадрово и  материально проект проработан на 100%. Постоянные расходы:
1.	Аренда помещения: 10 000 000 
2.	Зарплата работников, не связанных напрямую с производством: 1 000 000 
3.	Налоги и страховые взносы: 6%. 
4.	Амортизация оборудования и инструментов: 100 000 000 
5.	 Расходы на маркетинг и рекламу: 5 000 000 
6.	Транспортные расходы на доставку готовой продукции: 2 000 000
Переменные расходы:
1. Сырье и материалы для производства колец: 500 000 000
2. Зарплата для производственных работников: 10 000 000
Резервы: 15% - 150 000 000
Общие расходы проекта: около 1 000 000 000 (миллиарда) рублей.
</t>
  </si>
  <si>
    <t>Участие в мероприятиях и конференциях, посвященных устойчивому развитию и экологической ответственности в производстве украшений.
Партнерство с университетами и научными организациями для проведения исследований по эффективным методам переработки электроники и создания украшений из утилизированных материалов.
Вовлечение студентов и молодых специалистов в процесс разработки и производства украшений из переработанной электроники для поддержания научно-технического приоритета.</t>
  </si>
  <si>
    <t>1. Интернет-магазин: Создание собственного онлайн-магазина или продажа на популярных платформах, таких как Etsy, eBay или Amazon. Это позволяет достичь международной аудитории и продавать продукты напрямую потребителям.
2. Рекламные платформы: Использование сайтов и приложений, таких как Google Ads или Facebook Ads, для размещения рекламы и привлечения внимания потенциальных клиентов. Это позволяет нацелиться на конкретные географические регионы и интересующиеся ювелирными изделиями из переработанной электроники.
3. Социальные медиа: Активное использование социальных платформ, таких как Instagram, Pinterest или TikTok, для продвижения продуктов и привлечения аудитории. Публикация красивых фотографий и видео, использование хэштегов и привлечение влиятельных лиц помогут привлечь внимание потенциальных клиентов.
4. Сотрудничество с блогерами и инфлюэнсерами: Размещение своих продуктов и обзоров в роликах блогеров и других популярных личностей в социальных сетях или на YouTube. Это может создать повышенный интерес и доверие к вашим продуктам.
5. Выставки и ярмарки: Участие в ювелирных выставках и ярмарках, где вы сможете привлечь внимание профессионалов и потенциальных клиентов, а также установить контакты с другими участниками отрасли.
6. Блоги и публикации: Создание собственного блога или участие в авторских статьях и публикациях на тему украшений из переработанной электроники на специализированных сайтах и блогах. Это поможет повысить вашу экспертность в данной области и привлечь интересующихся аудиторию.
7. Партнерство с магазинами и дизайнерами: Сотрудничество с ювелирными магазинами и известными дизайнерами, которые готовы продавать ваши изделия. Это может помочь вам достичь большей аудитории и получить дополнительную рекомендацию от престижных брендов.</t>
  </si>
  <si>
    <t>1. Онлайн-магазины: Создание собственного сайта или продажа на популярных платформах, таких как Amazon, eBay или Etsy.
2. Физические магазины: Открытие собственного магазина или сотрудничество с существующими ювелирными магазинами для продажи изделий из переработанной электроники.
3. Ярмарки и выставки: Участие в ювелирных ярмарках, выставках и других мероприятиях, где можно продавать украшения из переработанной электроники.
4. Блоги и социальные медиа: Создание блога или аккаунта в социальных сетях для продвижения продукции и привлечения клиентов.
5. Оптовая торговля: Поставка украшений из переработанной электроники в другие ювелирные магазины или оптовым партнерам.
6. Сотрудничество с ювелирными брендами: Установление партнерских отношений с известными ювелирными брендами для создания совместных коллекций изделий из переработанной электроники.</t>
  </si>
  <si>
    <t>Характеристика проблемы,
на решение которой направлен стартап-проект</t>
  </si>
  <si>
    <t>Описание проблемы</t>
  </si>
  <si>
    <t>Какая часть проблемы решается (может быть решена)</t>
  </si>
  <si>
    <t>«Держатель» проблемы, его мотивации и возможности решения проблемы с использованием продукции</t>
  </si>
  <si>
    <t>Каким способом будет решена проблема</t>
  </si>
  <si>
    <t>Оценка потенциала «рынка» и рентабельности бизнеса</t>
  </si>
  <si>
    <t>Создание ювелирных украшений из переработанной электроники решает проблему связанную с утилизацией и утилизацией электронных отходов. Электронная отходы, такие как старые компьютеры, телефоны, печатные платы и т.д., содержат драгоценные металлы, такие как золото, серебро и платина. Вместо того чтобы выбрасывать эти отходы на свалку или сжигать их, они могут быть переработаны и использованы для создания новых ювелирных изделий. Это позволяет использовать эти ценные материалы повторно, снижая потребность в добыче новых ресурсов и снижая негативное влияние на окружающую среду. Это также способствует улучшению устойчивости и экологической ответственности в ювелирной промышленности.</t>
  </si>
  <si>
    <t>1. Безопасность: Переработанная электроника может содержать опасные вещества, такие как свинец, ртуть, кадмий и др. Обращение с этими материалами требует специальных знаний и оборудования, чтобы избежать потенциального вреда для здоровья создателей украшений и их будущих владельцев.
2. Качество материалов: Переработанная электроника может иметь низкое качество, включая повреждения, царапины, потертости и т.д. Это может затруднить создание высококачественных и эстетически привлекательных украшений.
3. Технические навыки и инструменты: Создание ювелирных изделий требует определенных технических навыков и специализированных инструментов. Необходимо обладать знаниями о технике изготовления ювелирных изделий, чтобы эффективно работать с материалами, полученными из переработанной электроники.
4. Ограниченность ресурсов: Собирать переработанную электронику для создания ювелирных украшений может быть сложной задачей, особенно если у вас ограниченный доступ к материалам. Необходимо проводить поиск и сотрудничать с поставщиками, чтобы получить нужные компоненты.
5. Рыночные трудности: Рынок ювелирных украшений уже насыщен широким ассортиментом продукции. Вопрос состоит в том, будет ли у проекта достаточное количество клиентов, готовых приобрести украшения из переработанной электроники, чтобы оправдать затраты на производство и маркетинг.</t>
  </si>
  <si>
    <t>Держателем" проблемы является несколько сторон – сам производитель электроники, потребители и общество в целом.
1. Производитель электроники: Крупные компании, занимающиеся производством электронной техники, сталкиваются с проблемой утилизации отходов. Использование ювелирных украшений из переработанной электроники может помочь производителям снизить количество отходов и сделать их утилизацию более эффективной и устойчивой. Они могут сотрудничать с ювелирными дизайнерами или компаниями, специализирующимися на переработке электроники, чтобы создавать украшения из старых компонентов и материалов.
2. Потребители: Покупатели могут быть мотивированы выбирать ювелирные изделия из переработанной электроники, так как такие украшения являются экологически более ответственным и устойчивым выбором. Они также получают уникальные и оригинальные изделия, которые являются результатом креативного использования старых электронных компонентов. Рекламные компании и ювелирные бренды могут освещать этот аспект и привлекать потребителей, акцентируя внимание на устойчивости и экологической ответственности. 3. Общество: Использование переработанных электронных компонентов для создания ювелирных изделий имеет положительное влияние на окружающую среду. Уменьшение количества электронных отходов, отправляемых на свалки или сжигаемых, позволяет уменьшить загрязнение почвы, воды и воздуха. Это также содействует сохранению ценных ресурсов, так как к добыче драгоценных металлов не требуется использование новых природных запасов. Общество может поддерживать и поощрять такие инициативы, способствуя устойчивому развитию и ответственности в отношении окружающей среды.</t>
  </si>
  <si>
    <t>Переработка электроники для создания ювелирных украшений может помочь справиться с несколькими проблемами:
1. Утилизация электронной отходов: Электроника является одним из наиболее быстро развивающихся источников отходов. Создание ювелирных украшений из переработанной электроники позволяет использовать эти отходы повторно, уменьшая негативное воздействие на окружающую среду.
2. Сокращение использования новых материалов: Создание ювелирных изделий из переработанной электроники позволяет сократить потребление новых материалов, таких как золото, серебро и другие драгоценные металлы. Это помогает сохранить природные ресурсы.
3. Поддержка устойчивого развития: Использование переработанных материалов в производстве украшений способствует устойчивому развитию, поскольку оно помогает уменьшить потребление природных ресурсов и снизить воздействие на окружающую среду.
4. Социальное влияние: В основе переработки электроники для создания ювелирных украшений может быть проект, направленный на поддержку социально уязвимых групп, таких как бывшие участники программ реабилитации или беженцы. Кроме того, создание рабочих мест в сфере переработки электроники и производства украшений может способствовать экономическому развитию и росту местной общины.
5. Повышение осведомленности: Ювелирные украшения из переработанной электроники могут служить средством для повышения осведомленности о проблемах переработки отходов и влиянии электроники на окружающую среду. Они могут помочь привлечь внимание к этим проблемам и способствовать обсуждению насущности устойчивого потребления и производства.</t>
  </si>
  <si>
    <t>Общие расходы проекта: 1 000 000 000 рублей
Срок окупаемости: 12 месяцев
Точка безубыточности: 4700 колец в месяц</t>
  </si>
  <si>
    <t xml:space="preserve">ПЛАН ДАЛЬНЕЙШЕГО РАЗВИТИЯ СТАРТАП-ПРОЕКТА
</t>
  </si>
  <si>
    <t>1. Расширение ассортимента изделий: провести исследование рынка и определить востребованные типы ювелирных украшений из переработанной электроники, такие как кольца, ожерелья, браслеты и серьги.
2. Укрепление бренда: разработать логотип и фирменный стиль, создать уникальные упаковки и брендированные материалы для продуктов. Работать над формированием узнаваемого и экологически ответственного образа.
3. Увеличение продаж: провести маркетинговые исследования и определить целевую аудиторию, разработать маркетинговую стратегию, включающую использование социальных сетей, блогеров и местных магазинов-партнеров для продвижения и продажи продукции. Разработать лояльную программу для постоянных покупателей.</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Calibri"/>
      <family val="2"/>
      <charset val="204"/>
      <scheme val="minor"/>
    </font>
    <font>
      <b/>
      <sz val="11"/>
      <color theme="1"/>
      <name val="Calibri"/>
      <family val="2"/>
      <charset val="204"/>
      <scheme val="minor"/>
    </font>
    <font>
      <sz val="36"/>
      <color theme="1"/>
      <name val="Calibri"/>
      <family val="2"/>
      <charset val="204"/>
      <scheme val="minor"/>
    </font>
    <font>
      <b/>
      <sz val="22"/>
      <color theme="1"/>
      <name val="Calibri"/>
      <family val="2"/>
      <charset val="204"/>
      <scheme val="minor"/>
    </font>
    <font>
      <b/>
      <sz val="14"/>
      <color theme="1"/>
      <name val="Calibri"/>
      <family val="2"/>
      <charset val="204"/>
      <scheme val="minor"/>
    </font>
    <font>
      <b/>
      <sz val="14"/>
      <color rgb="FFFF0000"/>
      <name val="Calibri"/>
      <family val="2"/>
      <charset val="204"/>
      <scheme val="minor"/>
    </font>
    <font>
      <b/>
      <sz val="16"/>
      <color theme="1"/>
      <name val="Calibri"/>
      <family val="2"/>
      <charset val="204"/>
      <scheme val="minor"/>
    </font>
    <font>
      <b/>
      <sz val="12"/>
      <color theme="1"/>
      <name val="Calibri"/>
      <family val="2"/>
      <charset val="204"/>
      <scheme val="minor"/>
    </font>
    <font>
      <b/>
      <sz val="18"/>
      <color theme="1"/>
      <name val="Calibri"/>
      <family val="2"/>
      <charset val="204"/>
      <scheme val="minor"/>
    </font>
    <font>
      <b/>
      <i/>
      <sz val="22"/>
      <color theme="1"/>
      <name val="Calibri"/>
      <family val="2"/>
      <charset val="204"/>
      <scheme val="minor"/>
    </font>
    <font>
      <b/>
      <sz val="48"/>
      <color theme="1"/>
      <name val="Calibri"/>
      <family val="2"/>
      <charset val="204"/>
      <scheme val="minor"/>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s>
  <cellStyleXfs count="1">
    <xf numFmtId="0" fontId="0" fillId="0" borderId="0"/>
  </cellStyleXfs>
  <cellXfs count="49">
    <xf numFmtId="0" fontId="0" fillId="0" borderId="0" xfId="0"/>
    <xf numFmtId="0" fontId="2" fillId="0" borderId="1" xfId="0" applyFont="1" applyBorder="1" applyAlignment="1">
      <alignment horizontal="center" vertical="center"/>
    </xf>
    <xf numFmtId="0" fontId="0" fillId="0" borderId="1" xfId="0" applyBorder="1" applyAlignment="1">
      <alignment horizontal="center"/>
    </xf>
    <xf numFmtId="0" fontId="1" fillId="0" borderId="1" xfId="0" applyFont="1" applyBorder="1" applyAlignment="1">
      <alignment horizontal="center" vertical="center" wrapText="1"/>
    </xf>
    <xf numFmtId="0" fontId="1" fillId="0" borderId="1" xfId="0" applyFont="1" applyBorder="1" applyAlignment="1">
      <alignment horizontal="center" vertical="center"/>
    </xf>
    <xf numFmtId="0" fontId="3" fillId="0" borderId="1" xfId="0" applyFont="1" applyBorder="1" applyAlignment="1">
      <alignment horizontal="center" vertical="center"/>
    </xf>
    <xf numFmtId="0" fontId="0" fillId="0" borderId="1" xfId="0" applyBorder="1"/>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1" fillId="0" borderId="1" xfId="0" applyFont="1" applyBorder="1" applyAlignment="1">
      <alignment horizontal="center" vertical="center" wrapText="1"/>
    </xf>
    <xf numFmtId="0" fontId="1" fillId="0" borderId="1" xfId="0" applyFont="1" applyFill="1" applyBorder="1" applyAlignment="1">
      <alignment horizontal="center" vertical="center" wrapText="1"/>
    </xf>
    <xf numFmtId="0" fontId="4" fillId="0" borderId="1" xfId="0" applyFont="1" applyBorder="1" applyAlignment="1">
      <alignment horizontal="center" vertical="center" wrapText="1"/>
    </xf>
    <xf numFmtId="0" fontId="6" fillId="0" borderId="1" xfId="0" applyFont="1" applyBorder="1" applyAlignment="1">
      <alignment horizontal="center" vertical="center"/>
    </xf>
    <xf numFmtId="0" fontId="1" fillId="0" borderId="1" xfId="0" applyFont="1" applyBorder="1" applyAlignment="1">
      <alignment horizontal="center" vertical="center"/>
    </xf>
    <xf numFmtId="0" fontId="7" fillId="0" borderId="1" xfId="0" applyFont="1" applyBorder="1" applyAlignment="1">
      <alignment horizontal="center" vertical="center" wrapText="1"/>
    </xf>
    <xf numFmtId="0" fontId="1" fillId="0" borderId="2" xfId="0" applyFont="1" applyBorder="1" applyAlignment="1">
      <alignment horizontal="center" vertical="center" wrapText="1"/>
    </xf>
    <xf numFmtId="0" fontId="1" fillId="0" borderId="3" xfId="0" applyFont="1" applyBorder="1" applyAlignment="1">
      <alignment horizontal="center" vertical="center" wrapText="1"/>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7" fillId="0" borderId="2" xfId="0" applyFont="1" applyBorder="1" applyAlignment="1">
      <alignment horizontal="center" vertical="center" wrapText="1"/>
    </xf>
    <xf numFmtId="0" fontId="7" fillId="0" borderId="3" xfId="0" applyFont="1" applyBorder="1" applyAlignment="1">
      <alignment horizontal="center" vertical="center" wrapText="1"/>
    </xf>
    <xf numFmtId="0" fontId="7" fillId="0" borderId="1"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7" fillId="0" borderId="4" xfId="0" applyFont="1" applyBorder="1" applyAlignment="1">
      <alignment horizontal="center" vertical="center" wrapText="1"/>
    </xf>
    <xf numFmtId="0" fontId="7" fillId="0" borderId="0" xfId="0" applyFont="1" applyBorder="1" applyAlignment="1">
      <alignment horizontal="center" vertical="center" wrapText="1"/>
    </xf>
    <xf numFmtId="0" fontId="1" fillId="0" borderId="8" xfId="0" applyFont="1" applyBorder="1" applyAlignment="1">
      <alignment horizontal="center" vertical="center"/>
    </xf>
    <xf numFmtId="0" fontId="1" fillId="0" borderId="9" xfId="0" applyFont="1" applyBorder="1" applyAlignment="1">
      <alignment horizontal="center" vertical="center" wrapText="1"/>
    </xf>
    <xf numFmtId="0" fontId="1" fillId="0" borderId="4"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5"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12" xfId="0" applyFont="1" applyBorder="1" applyAlignment="1">
      <alignment horizontal="center" vertical="center" wrapText="1"/>
    </xf>
    <xf numFmtId="0" fontId="7" fillId="0" borderId="9"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12" xfId="0" applyFont="1" applyBorder="1" applyAlignment="1">
      <alignment horizontal="center" vertical="center" wrapText="1"/>
    </xf>
    <xf numFmtId="0" fontId="3" fillId="0" borderId="1" xfId="0" applyFont="1" applyBorder="1" applyAlignment="1">
      <alignment horizontal="center" vertical="center" wrapText="1"/>
    </xf>
    <xf numFmtId="0" fontId="9" fillId="0" borderId="1" xfId="0" applyFont="1" applyBorder="1" applyAlignment="1">
      <alignment horizontal="center" vertical="center" wrapText="1"/>
    </xf>
    <xf numFmtId="0" fontId="9" fillId="0" borderId="1" xfId="0" applyFont="1" applyBorder="1" applyAlignment="1">
      <alignment horizontal="center" vertical="center"/>
    </xf>
    <xf numFmtId="0" fontId="9" fillId="0" borderId="13" xfId="0" applyFont="1" applyBorder="1" applyAlignment="1">
      <alignment horizontal="center" vertical="center"/>
    </xf>
    <xf numFmtId="0" fontId="10" fillId="0" borderId="1" xfId="0" applyFont="1" applyBorder="1" applyAlignment="1">
      <alignment horizontal="center" vertical="center"/>
    </xf>
  </cellXfs>
  <cellStyles count="1">
    <cellStyle name="Обычный"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DD7A68-BEA7-409D-A4C0-AAB5E3442651}">
  <dimension ref="L1:V98"/>
  <sheetViews>
    <sheetView tabSelected="1" zoomScale="40" zoomScaleNormal="40" workbookViewId="0">
      <selection activeCell="AF15" sqref="AF15"/>
    </sheetView>
  </sheetViews>
  <sheetFormatPr defaultRowHeight="15" x14ac:dyDescent="0.25"/>
  <cols>
    <col min="22" max="22" width="37.140625" customWidth="1"/>
  </cols>
  <sheetData>
    <row r="1" spans="12:22" x14ac:dyDescent="0.25">
      <c r="L1" s="1" t="s">
        <v>0</v>
      </c>
      <c r="M1" s="1"/>
      <c r="N1" s="1"/>
      <c r="O1" s="1"/>
      <c r="P1" s="1"/>
      <c r="Q1" s="1"/>
      <c r="R1" s="1"/>
      <c r="S1" s="1"/>
      <c r="T1" s="1"/>
      <c r="U1" s="1"/>
      <c r="V1" s="1"/>
    </row>
    <row r="2" spans="12:22" x14ac:dyDescent="0.25">
      <c r="L2" s="1"/>
      <c r="M2" s="1"/>
      <c r="N2" s="1"/>
      <c r="O2" s="1"/>
      <c r="P2" s="1"/>
      <c r="Q2" s="1"/>
      <c r="R2" s="1"/>
      <c r="S2" s="1"/>
      <c r="T2" s="1"/>
      <c r="U2" s="1"/>
      <c r="V2" s="1"/>
    </row>
    <row r="3" spans="12:22" x14ac:dyDescent="0.25">
      <c r="L3" s="1"/>
      <c r="M3" s="1"/>
      <c r="N3" s="1"/>
      <c r="O3" s="1"/>
      <c r="P3" s="1"/>
      <c r="Q3" s="1"/>
      <c r="R3" s="1"/>
      <c r="S3" s="1"/>
      <c r="T3" s="1"/>
      <c r="U3" s="1"/>
      <c r="V3" s="1"/>
    </row>
    <row r="4" spans="12:22" x14ac:dyDescent="0.25">
      <c r="L4" s="1"/>
      <c r="M4" s="1"/>
      <c r="N4" s="1"/>
      <c r="O4" s="1"/>
      <c r="P4" s="1"/>
      <c r="Q4" s="1"/>
      <c r="R4" s="1"/>
      <c r="S4" s="1"/>
      <c r="T4" s="1"/>
      <c r="U4" s="1"/>
      <c r="V4" s="1"/>
    </row>
    <row r="5" spans="12:22" x14ac:dyDescent="0.25">
      <c r="L5" s="1"/>
      <c r="M5" s="1"/>
      <c r="N5" s="1"/>
      <c r="O5" s="1"/>
      <c r="P5" s="1"/>
      <c r="Q5" s="1"/>
      <c r="R5" s="1"/>
      <c r="S5" s="1"/>
      <c r="T5" s="1"/>
      <c r="U5" s="1"/>
      <c r="V5" s="1"/>
    </row>
    <row r="7" spans="12:22" x14ac:dyDescent="0.25">
      <c r="L7" s="2"/>
      <c r="M7" s="2"/>
      <c r="N7" s="2"/>
      <c r="O7" s="2"/>
      <c r="P7" s="2"/>
    </row>
    <row r="9" spans="12:22" ht="54.75" customHeight="1" x14ac:dyDescent="0.25">
      <c r="L9" s="3" t="s">
        <v>1</v>
      </c>
      <c r="M9" s="3"/>
      <c r="N9" s="3"/>
      <c r="O9" s="3"/>
      <c r="P9" s="3"/>
      <c r="Q9" s="3" t="s">
        <v>21</v>
      </c>
      <c r="R9" s="3"/>
      <c r="S9" s="3"/>
      <c r="T9" s="3"/>
      <c r="U9" s="3"/>
      <c r="V9" s="3"/>
    </row>
    <row r="10" spans="12:22" ht="30.75" customHeight="1" x14ac:dyDescent="0.25">
      <c r="L10" s="3" t="s">
        <v>2</v>
      </c>
      <c r="M10" s="3"/>
      <c r="N10" s="3"/>
      <c r="O10" s="3"/>
      <c r="P10" s="3"/>
      <c r="Q10" s="4">
        <v>7721037218</v>
      </c>
      <c r="R10" s="4"/>
      <c r="S10" s="4"/>
      <c r="T10" s="4"/>
      <c r="U10" s="4"/>
      <c r="V10" s="4"/>
    </row>
    <row r="11" spans="12:22" ht="30" customHeight="1" x14ac:dyDescent="0.25">
      <c r="L11" s="3" t="s">
        <v>3</v>
      </c>
      <c r="M11" s="3"/>
      <c r="N11" s="3"/>
      <c r="O11" s="3"/>
      <c r="P11" s="3"/>
      <c r="Q11" s="4" t="s">
        <v>6</v>
      </c>
      <c r="R11" s="4"/>
      <c r="S11" s="4"/>
      <c r="T11" s="4"/>
      <c r="U11" s="4"/>
      <c r="V11" s="4"/>
    </row>
    <row r="12" spans="12:22" ht="30.75" customHeight="1" x14ac:dyDescent="0.25">
      <c r="L12" s="3" t="s">
        <v>4</v>
      </c>
      <c r="M12" s="3"/>
      <c r="N12" s="3"/>
      <c r="O12" s="3"/>
      <c r="P12" s="3"/>
      <c r="Q12" s="4" t="s">
        <v>35</v>
      </c>
      <c r="R12" s="4"/>
      <c r="S12" s="4"/>
      <c r="T12" s="4"/>
      <c r="U12" s="4"/>
      <c r="V12" s="4"/>
    </row>
    <row r="13" spans="12:22" ht="30.75" customHeight="1" x14ac:dyDescent="0.25">
      <c r="L13" s="3" t="s">
        <v>5</v>
      </c>
      <c r="M13" s="3"/>
      <c r="N13" s="3"/>
      <c r="O13" s="3"/>
      <c r="P13" s="3"/>
      <c r="Q13" s="4" t="s">
        <v>36</v>
      </c>
      <c r="R13" s="4"/>
      <c r="S13" s="4"/>
      <c r="T13" s="4"/>
      <c r="U13" s="4"/>
      <c r="V13" s="4"/>
    </row>
    <row r="15" spans="12:22" ht="44.25" customHeight="1" x14ac:dyDescent="0.25">
      <c r="L15" s="2"/>
      <c r="M15" s="5" t="s">
        <v>7</v>
      </c>
      <c r="N15" s="5"/>
      <c r="O15" s="5"/>
      <c r="P15" s="5"/>
      <c r="Q15" s="5"/>
      <c r="R15" s="5"/>
      <c r="S15" s="5"/>
      <c r="T15" s="5"/>
      <c r="U15" s="5"/>
      <c r="V15" s="5"/>
    </row>
    <row r="16" spans="12:22" x14ac:dyDescent="0.25">
      <c r="L16" s="2"/>
      <c r="M16" s="5"/>
      <c r="N16" s="5"/>
      <c r="O16" s="5"/>
      <c r="P16" s="5"/>
      <c r="Q16" s="5"/>
      <c r="R16" s="5"/>
      <c r="S16" s="5"/>
      <c r="T16" s="5"/>
      <c r="U16" s="5"/>
      <c r="V16" s="5"/>
    </row>
    <row r="17" spans="12:22" ht="31.5" customHeight="1" x14ac:dyDescent="0.25">
      <c r="L17" s="10">
        <v>1</v>
      </c>
      <c r="M17" s="3" t="s">
        <v>9</v>
      </c>
      <c r="N17" s="3"/>
      <c r="O17" s="3"/>
      <c r="P17" s="3"/>
      <c r="Q17" s="3"/>
      <c r="R17" s="13" t="s">
        <v>16</v>
      </c>
      <c r="S17" s="13"/>
      <c r="T17" s="13"/>
      <c r="U17" s="13"/>
      <c r="V17" s="13"/>
    </row>
    <row r="18" spans="12:22" ht="30.75" customHeight="1" x14ac:dyDescent="0.25">
      <c r="L18" s="10">
        <v>2</v>
      </c>
      <c r="M18" s="3" t="s">
        <v>8</v>
      </c>
      <c r="N18" s="3"/>
      <c r="O18" s="3"/>
      <c r="P18" s="3"/>
      <c r="Q18" s="3"/>
      <c r="R18" s="48" t="s">
        <v>71</v>
      </c>
      <c r="S18" s="48"/>
      <c r="T18" s="48"/>
      <c r="U18" s="48"/>
      <c r="V18" s="48"/>
    </row>
    <row r="19" spans="12:22" ht="30" customHeight="1" x14ac:dyDescent="0.25">
      <c r="L19" s="10">
        <v>3</v>
      </c>
      <c r="M19" s="3" t="s">
        <v>10</v>
      </c>
      <c r="N19" s="3"/>
      <c r="O19" s="3"/>
      <c r="P19" s="3"/>
      <c r="Q19" s="3"/>
      <c r="R19" s="48" t="s">
        <v>71</v>
      </c>
      <c r="S19" s="48"/>
      <c r="T19" s="48"/>
      <c r="U19" s="48"/>
      <c r="V19" s="48"/>
    </row>
    <row r="20" spans="12:22" ht="30.75" customHeight="1" x14ac:dyDescent="0.25">
      <c r="L20" s="10">
        <v>4</v>
      </c>
      <c r="M20" s="3" t="s">
        <v>11</v>
      </c>
      <c r="N20" s="3"/>
      <c r="O20" s="3"/>
      <c r="P20" s="3"/>
      <c r="Q20" s="3"/>
      <c r="R20" s="48" t="s">
        <v>71</v>
      </c>
      <c r="S20" s="48"/>
      <c r="T20" s="48"/>
      <c r="U20" s="48"/>
      <c r="V20" s="48"/>
    </row>
    <row r="21" spans="12:22" ht="31.5" customHeight="1" x14ac:dyDescent="0.25">
      <c r="L21" s="10">
        <v>5</v>
      </c>
      <c r="M21" s="3" t="s">
        <v>12</v>
      </c>
      <c r="N21" s="3"/>
      <c r="O21" s="3"/>
      <c r="P21" s="3"/>
      <c r="Q21" s="3"/>
      <c r="R21" s="48" t="s">
        <v>71</v>
      </c>
      <c r="S21" s="48"/>
      <c r="T21" s="48"/>
      <c r="U21" s="48"/>
      <c r="V21" s="48"/>
    </row>
    <row r="22" spans="12:22" ht="63" customHeight="1" x14ac:dyDescent="0.25">
      <c r="L22" s="6"/>
      <c r="M22" s="7" t="s">
        <v>13</v>
      </c>
      <c r="N22" s="8"/>
      <c r="O22" s="8"/>
      <c r="P22" s="8"/>
      <c r="Q22" s="8"/>
      <c r="R22" s="8"/>
      <c r="S22" s="8"/>
      <c r="T22" s="8"/>
      <c r="U22" s="8"/>
      <c r="V22" s="9"/>
    </row>
    <row r="23" spans="12:22" ht="30.75" customHeight="1" x14ac:dyDescent="0.25">
      <c r="L23" s="11">
        <v>6</v>
      </c>
      <c r="M23" s="4" t="s">
        <v>14</v>
      </c>
      <c r="N23" s="4"/>
      <c r="O23" s="4"/>
      <c r="P23" s="4"/>
      <c r="Q23" s="4"/>
      <c r="R23" s="3" t="s">
        <v>15</v>
      </c>
      <c r="S23" s="3"/>
      <c r="T23" s="3"/>
      <c r="U23" s="3"/>
      <c r="V23" s="3"/>
    </row>
    <row r="24" spans="12:22" ht="226.5" customHeight="1" x14ac:dyDescent="0.25">
      <c r="L24" s="10">
        <v>7</v>
      </c>
      <c r="M24" s="12" t="s">
        <v>24</v>
      </c>
      <c r="N24" s="12"/>
      <c r="O24" s="12"/>
      <c r="P24" s="12"/>
      <c r="Q24" s="12"/>
      <c r="R24" s="12"/>
      <c r="S24" s="12"/>
      <c r="T24" s="12"/>
      <c r="U24" s="12"/>
      <c r="V24" s="12"/>
    </row>
    <row r="25" spans="12:22" ht="75" customHeight="1" x14ac:dyDescent="0.25">
      <c r="L25" s="6"/>
      <c r="M25" s="5" t="s">
        <v>17</v>
      </c>
      <c r="N25" s="5"/>
      <c r="O25" s="5"/>
      <c r="P25" s="5"/>
      <c r="Q25" s="5"/>
      <c r="R25" s="5"/>
      <c r="S25" s="5"/>
      <c r="T25" s="5"/>
      <c r="U25" s="5"/>
      <c r="V25" s="5"/>
    </row>
    <row r="26" spans="12:22" ht="193.5" customHeight="1" x14ac:dyDescent="0.25">
      <c r="L26" s="14">
        <v>8</v>
      </c>
      <c r="M26" s="4" t="s">
        <v>18</v>
      </c>
      <c r="N26" s="4"/>
      <c r="O26" s="4"/>
      <c r="P26" s="4"/>
      <c r="Q26" s="15" t="s">
        <v>19</v>
      </c>
      <c r="R26" s="15"/>
      <c r="S26" s="15"/>
      <c r="T26" s="15"/>
      <c r="U26" s="15"/>
      <c r="V26" s="15"/>
    </row>
    <row r="27" spans="12:22" x14ac:dyDescent="0.25">
      <c r="L27" s="2"/>
      <c r="M27" s="5" t="s">
        <v>20</v>
      </c>
      <c r="N27" s="5"/>
      <c r="O27" s="5"/>
      <c r="P27" s="5"/>
      <c r="Q27" s="5"/>
      <c r="R27" s="5"/>
      <c r="S27" s="5"/>
      <c r="T27" s="5"/>
      <c r="U27" s="5"/>
      <c r="V27" s="5"/>
    </row>
    <row r="28" spans="12:22" x14ac:dyDescent="0.25">
      <c r="L28" s="2"/>
      <c r="M28" s="5"/>
      <c r="N28" s="5"/>
      <c r="O28" s="5"/>
      <c r="P28" s="5"/>
      <c r="Q28" s="5"/>
      <c r="R28" s="5"/>
      <c r="S28" s="5"/>
      <c r="T28" s="5"/>
      <c r="U28" s="5"/>
      <c r="V28" s="5"/>
    </row>
    <row r="29" spans="12:22" x14ac:dyDescent="0.25">
      <c r="L29" s="2"/>
      <c r="M29" s="5"/>
      <c r="N29" s="5"/>
      <c r="O29" s="5"/>
      <c r="P29" s="5"/>
      <c r="Q29" s="5"/>
      <c r="R29" s="5"/>
      <c r="S29" s="5"/>
      <c r="T29" s="5"/>
      <c r="U29" s="5"/>
      <c r="V29" s="5"/>
    </row>
    <row r="30" spans="12:22" x14ac:dyDescent="0.25">
      <c r="L30" s="2"/>
      <c r="M30" s="5"/>
      <c r="N30" s="5"/>
      <c r="O30" s="5"/>
      <c r="P30" s="5"/>
      <c r="Q30" s="5"/>
      <c r="R30" s="5"/>
      <c r="S30" s="5"/>
      <c r="T30" s="5"/>
      <c r="U30" s="5"/>
      <c r="V30" s="5"/>
    </row>
    <row r="31" spans="12:22" ht="168" customHeight="1" x14ac:dyDescent="0.25">
      <c r="L31" s="14">
        <v>9</v>
      </c>
      <c r="M31" s="3" t="s">
        <v>22</v>
      </c>
      <c r="N31" s="3"/>
      <c r="O31" s="3"/>
      <c r="P31" s="3"/>
      <c r="Q31" s="15" t="s">
        <v>23</v>
      </c>
      <c r="R31" s="15"/>
      <c r="S31" s="15"/>
      <c r="T31" s="15"/>
      <c r="U31" s="15"/>
      <c r="V31" s="15"/>
    </row>
    <row r="32" spans="12:22" ht="111.75" customHeight="1" x14ac:dyDescent="0.25">
      <c r="L32" s="14">
        <v>10</v>
      </c>
      <c r="M32" s="3" t="s">
        <v>25</v>
      </c>
      <c r="N32" s="3"/>
      <c r="O32" s="3"/>
      <c r="P32" s="3"/>
      <c r="Q32" s="15" t="s">
        <v>26</v>
      </c>
      <c r="R32" s="15"/>
      <c r="S32" s="15"/>
      <c r="T32" s="15"/>
      <c r="U32" s="15"/>
      <c r="V32" s="15"/>
    </row>
    <row r="33" spans="12:22" ht="273" customHeight="1" x14ac:dyDescent="0.25">
      <c r="L33" s="14">
        <v>11</v>
      </c>
      <c r="M33" s="3" t="s">
        <v>27</v>
      </c>
      <c r="N33" s="3"/>
      <c r="O33" s="3"/>
      <c r="P33" s="3"/>
      <c r="Q33" s="15" t="s">
        <v>28</v>
      </c>
      <c r="R33" s="15"/>
      <c r="S33" s="15"/>
      <c r="T33" s="15"/>
      <c r="U33" s="15"/>
      <c r="V33" s="15"/>
    </row>
    <row r="34" spans="12:22" ht="108" customHeight="1" x14ac:dyDescent="0.25">
      <c r="L34" s="14">
        <v>12</v>
      </c>
      <c r="M34" s="3" t="s">
        <v>29</v>
      </c>
      <c r="N34" s="3"/>
      <c r="O34" s="3"/>
      <c r="P34" s="3"/>
      <c r="Q34" s="15" t="s">
        <v>30</v>
      </c>
      <c r="R34" s="15"/>
      <c r="S34" s="15"/>
      <c r="T34" s="15"/>
      <c r="U34" s="15"/>
      <c r="V34" s="15"/>
    </row>
    <row r="35" spans="12:22" ht="409.5" customHeight="1" x14ac:dyDescent="0.25">
      <c r="L35" s="27">
        <v>13</v>
      </c>
      <c r="M35" s="18" t="s">
        <v>31</v>
      </c>
      <c r="N35" s="19"/>
      <c r="O35" s="19"/>
      <c r="P35" s="23"/>
      <c r="Q35" s="15" t="s">
        <v>32</v>
      </c>
      <c r="R35" s="15"/>
      <c r="S35" s="15"/>
      <c r="T35" s="15"/>
      <c r="U35" s="15"/>
      <c r="V35" s="15"/>
    </row>
    <row r="36" spans="12:22" ht="240.75" customHeight="1" x14ac:dyDescent="0.25">
      <c r="L36" s="28"/>
      <c r="M36" s="24"/>
      <c r="N36" s="25"/>
      <c r="O36" s="25"/>
      <c r="P36" s="26"/>
      <c r="Q36" s="15"/>
      <c r="R36" s="15"/>
      <c r="S36" s="15"/>
      <c r="T36" s="15"/>
      <c r="U36" s="15"/>
      <c r="V36" s="15"/>
    </row>
    <row r="37" spans="12:22" ht="69" customHeight="1" x14ac:dyDescent="0.25">
      <c r="L37" s="14">
        <v>14</v>
      </c>
      <c r="M37" s="4" t="s">
        <v>33</v>
      </c>
      <c r="N37" s="4"/>
      <c r="O37" s="4"/>
      <c r="P37" s="4"/>
      <c r="Q37" s="15" t="s">
        <v>34</v>
      </c>
      <c r="R37" s="15"/>
      <c r="S37" s="15"/>
      <c r="T37" s="15"/>
      <c r="U37" s="15"/>
      <c r="V37" s="15"/>
    </row>
    <row r="38" spans="12:22" ht="384.75" customHeight="1" x14ac:dyDescent="0.25">
      <c r="L38" s="14">
        <v>15</v>
      </c>
      <c r="M38" s="4" t="s">
        <v>37</v>
      </c>
      <c r="N38" s="4"/>
      <c r="O38" s="4"/>
      <c r="P38" s="4"/>
      <c r="Q38" s="15" t="s">
        <v>38</v>
      </c>
      <c r="R38" s="22"/>
      <c r="S38" s="22"/>
      <c r="T38" s="22"/>
      <c r="U38" s="22"/>
      <c r="V38" s="22"/>
    </row>
    <row r="39" spans="12:22" x14ac:dyDescent="0.25">
      <c r="L39" s="4">
        <v>16</v>
      </c>
      <c r="M39" s="3" t="s">
        <v>39</v>
      </c>
      <c r="N39" s="3"/>
      <c r="O39" s="3"/>
      <c r="P39" s="3"/>
      <c r="Q39" s="15" t="s">
        <v>40</v>
      </c>
      <c r="R39" s="22"/>
      <c r="S39" s="22"/>
      <c r="T39" s="22"/>
      <c r="U39" s="22"/>
      <c r="V39" s="22"/>
    </row>
    <row r="40" spans="12:22" x14ac:dyDescent="0.25">
      <c r="L40" s="4"/>
      <c r="M40" s="3"/>
      <c r="N40" s="3"/>
      <c r="O40" s="3"/>
      <c r="P40" s="3"/>
      <c r="Q40" s="22"/>
      <c r="R40" s="22"/>
      <c r="S40" s="22"/>
      <c r="T40" s="22"/>
      <c r="U40" s="22"/>
      <c r="V40" s="22"/>
    </row>
    <row r="41" spans="12:22" ht="218.25" customHeight="1" x14ac:dyDescent="0.25">
      <c r="L41" s="4"/>
      <c r="M41" s="3"/>
      <c r="N41" s="3"/>
      <c r="O41" s="3"/>
      <c r="P41" s="3"/>
      <c r="Q41" s="22"/>
      <c r="R41" s="22"/>
      <c r="S41" s="22"/>
      <c r="T41" s="22"/>
      <c r="U41" s="22"/>
      <c r="V41" s="22"/>
    </row>
    <row r="42" spans="12:22" x14ac:dyDescent="0.25">
      <c r="L42" s="2"/>
      <c r="M42" s="5" t="s">
        <v>41</v>
      </c>
      <c r="N42" s="5"/>
      <c r="O42" s="5"/>
      <c r="P42" s="5"/>
      <c r="Q42" s="5"/>
      <c r="R42" s="5"/>
      <c r="S42" s="5"/>
      <c r="T42" s="5"/>
      <c r="U42" s="5"/>
      <c r="V42" s="5"/>
    </row>
    <row r="43" spans="12:22" x14ac:dyDescent="0.25">
      <c r="L43" s="2"/>
      <c r="M43" s="5"/>
      <c r="N43" s="5"/>
      <c r="O43" s="5"/>
      <c r="P43" s="5"/>
      <c r="Q43" s="5"/>
      <c r="R43" s="5"/>
      <c r="S43" s="5"/>
      <c r="T43" s="5"/>
      <c r="U43" s="5"/>
      <c r="V43" s="5"/>
    </row>
    <row r="44" spans="12:22" x14ac:dyDescent="0.25">
      <c r="L44" s="2"/>
      <c r="M44" s="5"/>
      <c r="N44" s="5"/>
      <c r="O44" s="5"/>
      <c r="P44" s="5"/>
      <c r="Q44" s="5"/>
      <c r="R44" s="5"/>
      <c r="S44" s="5"/>
      <c r="T44" s="5"/>
      <c r="U44" s="5"/>
      <c r="V44" s="5"/>
    </row>
    <row r="45" spans="12:22" x14ac:dyDescent="0.25">
      <c r="L45" s="2"/>
      <c r="M45" s="5"/>
      <c r="N45" s="5"/>
      <c r="O45" s="5"/>
      <c r="P45" s="5"/>
      <c r="Q45" s="5"/>
      <c r="R45" s="5"/>
      <c r="S45" s="5"/>
      <c r="T45" s="5"/>
      <c r="U45" s="5"/>
      <c r="V45" s="5"/>
    </row>
    <row r="46" spans="12:22" x14ac:dyDescent="0.25">
      <c r="L46" s="4">
        <v>17</v>
      </c>
      <c r="M46" s="3" t="s">
        <v>42</v>
      </c>
      <c r="N46" s="3"/>
      <c r="O46" s="3"/>
      <c r="P46" s="3"/>
      <c r="Q46" s="15" t="s">
        <v>50</v>
      </c>
      <c r="R46" s="22"/>
      <c r="S46" s="22"/>
      <c r="T46" s="22"/>
      <c r="U46" s="22"/>
      <c r="V46" s="22"/>
    </row>
    <row r="47" spans="12:22" x14ac:dyDescent="0.25">
      <c r="L47" s="4"/>
      <c r="M47" s="3"/>
      <c r="N47" s="3"/>
      <c r="O47" s="3"/>
      <c r="P47" s="3"/>
      <c r="Q47" s="22"/>
      <c r="R47" s="22"/>
      <c r="S47" s="22"/>
      <c r="T47" s="22"/>
      <c r="U47" s="22"/>
      <c r="V47" s="22"/>
    </row>
    <row r="48" spans="12:22" ht="408.75" customHeight="1" x14ac:dyDescent="0.25">
      <c r="L48" s="4"/>
      <c r="M48" s="3"/>
      <c r="N48" s="3"/>
      <c r="O48" s="3"/>
      <c r="P48" s="3"/>
      <c r="Q48" s="22"/>
      <c r="R48" s="22"/>
      <c r="S48" s="22"/>
      <c r="T48" s="22"/>
      <c r="U48" s="22"/>
      <c r="V48" s="22"/>
    </row>
    <row r="49" spans="12:22" ht="15" customHeight="1" x14ac:dyDescent="0.25">
      <c r="L49" s="27">
        <v>18</v>
      </c>
      <c r="M49" s="16" t="s">
        <v>43</v>
      </c>
      <c r="N49" s="17"/>
      <c r="O49" s="17"/>
      <c r="P49" s="32"/>
      <c r="Q49" s="20" t="s">
        <v>51</v>
      </c>
      <c r="R49" s="21"/>
      <c r="S49" s="21"/>
      <c r="T49" s="21"/>
      <c r="U49" s="21"/>
      <c r="V49" s="39"/>
    </row>
    <row r="50" spans="12:22" ht="15" customHeight="1" x14ac:dyDescent="0.25">
      <c r="L50" s="31"/>
      <c r="M50" s="33"/>
      <c r="N50" s="34"/>
      <c r="O50" s="34"/>
      <c r="P50" s="35"/>
      <c r="Q50" s="29"/>
      <c r="R50" s="30"/>
      <c r="S50" s="30"/>
      <c r="T50" s="30"/>
      <c r="U50" s="30"/>
      <c r="V50" s="40"/>
    </row>
    <row r="51" spans="12:22" ht="409.5" customHeight="1" x14ac:dyDescent="0.25">
      <c r="L51" s="31"/>
      <c r="M51" s="33"/>
      <c r="N51" s="34"/>
      <c r="O51" s="34"/>
      <c r="P51" s="35"/>
      <c r="Q51" s="29"/>
      <c r="R51" s="30"/>
      <c r="S51" s="30"/>
      <c r="T51" s="30"/>
      <c r="U51" s="30"/>
      <c r="V51" s="40"/>
    </row>
    <row r="52" spans="12:22" x14ac:dyDescent="0.25">
      <c r="L52" s="31"/>
      <c r="M52" s="33"/>
      <c r="N52" s="34"/>
      <c r="O52" s="34"/>
      <c r="P52" s="35"/>
      <c r="Q52" s="29"/>
      <c r="R52" s="30"/>
      <c r="S52" s="30"/>
      <c r="T52" s="30"/>
      <c r="U52" s="30"/>
      <c r="V52" s="40"/>
    </row>
    <row r="53" spans="12:22" x14ac:dyDescent="0.25">
      <c r="L53" s="31"/>
      <c r="M53" s="33"/>
      <c r="N53" s="34"/>
      <c r="O53" s="34"/>
      <c r="P53" s="35"/>
      <c r="Q53" s="29"/>
      <c r="R53" s="30"/>
      <c r="S53" s="30"/>
      <c r="T53" s="30"/>
      <c r="U53" s="30"/>
      <c r="V53" s="40"/>
    </row>
    <row r="54" spans="12:22" ht="186.75" customHeight="1" x14ac:dyDescent="0.25">
      <c r="L54" s="28"/>
      <c r="M54" s="36"/>
      <c r="N54" s="37"/>
      <c r="O54" s="37"/>
      <c r="P54" s="38"/>
      <c r="Q54" s="41"/>
      <c r="R54" s="42"/>
      <c r="S54" s="42"/>
      <c r="T54" s="42"/>
      <c r="U54" s="42"/>
      <c r="V54" s="43"/>
    </row>
    <row r="55" spans="12:22" x14ac:dyDescent="0.25">
      <c r="L55" s="4">
        <v>19</v>
      </c>
      <c r="M55" s="3" t="s">
        <v>44</v>
      </c>
      <c r="N55" s="3"/>
      <c r="O55" s="3"/>
      <c r="P55" s="3"/>
      <c r="Q55" s="15" t="s">
        <v>52</v>
      </c>
      <c r="R55" s="22"/>
      <c r="S55" s="22"/>
      <c r="T55" s="22"/>
      <c r="U55" s="22"/>
      <c r="V55" s="22"/>
    </row>
    <row r="56" spans="12:22" ht="36" customHeight="1" x14ac:dyDescent="0.25">
      <c r="L56" s="4"/>
      <c r="M56" s="3"/>
      <c r="N56" s="3"/>
      <c r="O56" s="3"/>
      <c r="P56" s="3"/>
      <c r="Q56" s="22"/>
      <c r="R56" s="22"/>
      <c r="S56" s="22"/>
      <c r="T56" s="22"/>
      <c r="U56" s="22"/>
      <c r="V56" s="22"/>
    </row>
    <row r="57" spans="12:22" ht="211.5" customHeight="1" x14ac:dyDescent="0.25">
      <c r="L57" s="4"/>
      <c r="M57" s="3"/>
      <c r="N57" s="3"/>
      <c r="O57" s="3"/>
      <c r="P57" s="3"/>
      <c r="Q57" s="22"/>
      <c r="R57" s="22"/>
      <c r="S57" s="22"/>
      <c r="T57" s="22"/>
      <c r="U57" s="22"/>
      <c r="V57" s="22"/>
    </row>
    <row r="58" spans="12:22" x14ac:dyDescent="0.25">
      <c r="L58" s="4">
        <v>20</v>
      </c>
      <c r="M58" s="3" t="s">
        <v>45</v>
      </c>
      <c r="N58" s="3"/>
      <c r="O58" s="3"/>
      <c r="P58" s="3"/>
      <c r="Q58" s="15" t="s">
        <v>53</v>
      </c>
      <c r="R58" s="22"/>
      <c r="S58" s="22"/>
      <c r="T58" s="22"/>
      <c r="U58" s="22"/>
      <c r="V58" s="22"/>
    </row>
    <row r="59" spans="12:22" x14ac:dyDescent="0.25">
      <c r="L59" s="4"/>
      <c r="M59" s="3"/>
      <c r="N59" s="3"/>
      <c r="O59" s="3"/>
      <c r="P59" s="3"/>
      <c r="Q59" s="22"/>
      <c r="R59" s="22"/>
      <c r="S59" s="22"/>
      <c r="T59" s="22"/>
      <c r="U59" s="22"/>
      <c r="V59" s="22"/>
    </row>
    <row r="60" spans="12:22" ht="149.25" customHeight="1" x14ac:dyDescent="0.25">
      <c r="L60" s="4"/>
      <c r="M60" s="3"/>
      <c r="N60" s="3"/>
      <c r="O60" s="3"/>
      <c r="P60" s="3"/>
      <c r="Q60" s="22"/>
      <c r="R60" s="22"/>
      <c r="S60" s="22"/>
      <c r="T60" s="22"/>
      <c r="U60" s="22"/>
      <c r="V60" s="22"/>
    </row>
    <row r="61" spans="12:22" x14ac:dyDescent="0.25">
      <c r="L61" s="4">
        <v>21</v>
      </c>
      <c r="M61" s="3" t="s">
        <v>46</v>
      </c>
      <c r="N61" s="3"/>
      <c r="O61" s="3"/>
      <c r="P61" s="3"/>
      <c r="Q61" s="15" t="s">
        <v>54</v>
      </c>
      <c r="R61" s="22"/>
      <c r="S61" s="22"/>
      <c r="T61" s="22"/>
      <c r="U61" s="22"/>
      <c r="V61" s="22"/>
    </row>
    <row r="62" spans="12:22" x14ac:dyDescent="0.25">
      <c r="L62" s="4"/>
      <c r="M62" s="3"/>
      <c r="N62" s="3"/>
      <c r="O62" s="3"/>
      <c r="P62" s="3"/>
      <c r="Q62" s="22"/>
      <c r="R62" s="22"/>
      <c r="S62" s="22"/>
      <c r="T62" s="22"/>
      <c r="U62" s="22"/>
      <c r="V62" s="22"/>
    </row>
    <row r="63" spans="12:22" ht="210" customHeight="1" x14ac:dyDescent="0.25">
      <c r="L63" s="4"/>
      <c r="M63" s="3"/>
      <c r="N63" s="3"/>
      <c r="O63" s="3"/>
      <c r="P63" s="3"/>
      <c r="Q63" s="22"/>
      <c r="R63" s="22"/>
      <c r="S63" s="22"/>
      <c r="T63" s="22"/>
      <c r="U63" s="22"/>
      <c r="V63" s="22"/>
    </row>
    <row r="64" spans="12:22" x14ac:dyDescent="0.25">
      <c r="L64" s="4">
        <v>22</v>
      </c>
      <c r="M64" s="3" t="s">
        <v>47</v>
      </c>
      <c r="N64" s="3"/>
      <c r="O64" s="3"/>
      <c r="P64" s="3"/>
      <c r="Q64" s="15" t="s">
        <v>55</v>
      </c>
      <c r="R64" s="22"/>
      <c r="S64" s="22"/>
      <c r="T64" s="22"/>
      <c r="U64" s="22"/>
      <c r="V64" s="22"/>
    </row>
    <row r="65" spans="12:22" x14ac:dyDescent="0.25">
      <c r="L65" s="4"/>
      <c r="M65" s="3"/>
      <c r="N65" s="3"/>
      <c r="O65" s="3"/>
      <c r="P65" s="3"/>
      <c r="Q65" s="22"/>
      <c r="R65" s="22"/>
      <c r="S65" s="22"/>
      <c r="T65" s="22"/>
      <c r="U65" s="22"/>
      <c r="V65" s="22"/>
    </row>
    <row r="66" spans="12:22" ht="123.75" customHeight="1" x14ac:dyDescent="0.25">
      <c r="L66" s="4"/>
      <c r="M66" s="3"/>
      <c r="N66" s="3"/>
      <c r="O66" s="3"/>
      <c r="P66" s="3"/>
      <c r="Q66" s="22"/>
      <c r="R66" s="22"/>
      <c r="S66" s="22"/>
      <c r="T66" s="22"/>
      <c r="U66" s="22"/>
      <c r="V66" s="22"/>
    </row>
    <row r="67" spans="12:22" ht="15" customHeight="1" x14ac:dyDescent="0.25">
      <c r="L67" s="4">
        <v>23</v>
      </c>
      <c r="M67" s="3" t="s">
        <v>48</v>
      </c>
      <c r="N67" s="3"/>
      <c r="O67" s="3"/>
      <c r="P67" s="3"/>
      <c r="Q67" s="15" t="s">
        <v>56</v>
      </c>
      <c r="R67" s="15"/>
      <c r="S67" s="15"/>
      <c r="T67" s="15"/>
      <c r="U67" s="15"/>
      <c r="V67" s="15"/>
    </row>
    <row r="68" spans="12:22" ht="15" customHeight="1" x14ac:dyDescent="0.25">
      <c r="L68" s="4"/>
      <c r="M68" s="3"/>
      <c r="N68" s="3"/>
      <c r="O68" s="3"/>
      <c r="P68" s="3"/>
      <c r="Q68" s="15"/>
      <c r="R68" s="15"/>
      <c r="S68" s="15"/>
      <c r="T68" s="15"/>
      <c r="U68" s="15"/>
      <c r="V68" s="15"/>
    </row>
    <row r="69" spans="12:22" ht="408.75" customHeight="1" x14ac:dyDescent="0.25">
      <c r="L69" s="4"/>
      <c r="M69" s="3"/>
      <c r="N69" s="3"/>
      <c r="O69" s="3"/>
      <c r="P69" s="3"/>
      <c r="Q69" s="15"/>
      <c r="R69" s="15"/>
      <c r="S69" s="15"/>
      <c r="T69" s="15"/>
      <c r="U69" s="15"/>
      <c r="V69" s="15"/>
    </row>
    <row r="70" spans="12:22" x14ac:dyDescent="0.25">
      <c r="L70" s="4"/>
      <c r="M70" s="3"/>
      <c r="N70" s="3"/>
      <c r="O70" s="3"/>
      <c r="P70" s="3"/>
      <c r="Q70" s="15"/>
      <c r="R70" s="15"/>
      <c r="S70" s="15"/>
      <c r="T70" s="15"/>
      <c r="U70" s="15"/>
      <c r="V70" s="15"/>
    </row>
    <row r="71" spans="12:22" ht="125.25" customHeight="1" x14ac:dyDescent="0.25">
      <c r="L71" s="4"/>
      <c r="M71" s="3"/>
      <c r="N71" s="3"/>
      <c r="O71" s="3"/>
      <c r="P71" s="3"/>
      <c r="Q71" s="15"/>
      <c r="R71" s="15"/>
      <c r="S71" s="15"/>
      <c r="T71" s="15"/>
      <c r="U71" s="15"/>
      <c r="V71" s="15"/>
    </row>
    <row r="72" spans="12:22" x14ac:dyDescent="0.25">
      <c r="L72" s="4">
        <v>24</v>
      </c>
      <c r="M72" s="4" t="s">
        <v>49</v>
      </c>
      <c r="N72" s="4"/>
      <c r="O72" s="4"/>
      <c r="P72" s="4"/>
      <c r="Q72" s="15" t="s">
        <v>57</v>
      </c>
      <c r="R72" s="22"/>
      <c r="S72" s="22"/>
      <c r="T72" s="22"/>
      <c r="U72" s="22"/>
      <c r="V72" s="22"/>
    </row>
    <row r="73" spans="12:22" x14ac:dyDescent="0.25">
      <c r="L73" s="4"/>
      <c r="M73" s="4"/>
      <c r="N73" s="4"/>
      <c r="O73" s="4"/>
      <c r="P73" s="4"/>
      <c r="Q73" s="22"/>
      <c r="R73" s="22"/>
      <c r="S73" s="22"/>
      <c r="T73" s="22"/>
      <c r="U73" s="22"/>
      <c r="V73" s="22"/>
    </row>
    <row r="74" spans="12:22" ht="292.5" customHeight="1" x14ac:dyDescent="0.25">
      <c r="L74" s="4"/>
      <c r="M74" s="4"/>
      <c r="N74" s="4"/>
      <c r="O74" s="4"/>
      <c r="P74" s="4"/>
      <c r="Q74" s="22"/>
      <c r="R74" s="22"/>
      <c r="S74" s="22"/>
      <c r="T74" s="22"/>
      <c r="U74" s="22"/>
      <c r="V74" s="22"/>
    </row>
    <row r="75" spans="12:22" x14ac:dyDescent="0.25">
      <c r="L75" s="2"/>
      <c r="M75" s="44" t="s">
        <v>58</v>
      </c>
      <c r="N75" s="44"/>
      <c r="O75" s="44"/>
      <c r="P75" s="44"/>
      <c r="Q75" s="44"/>
      <c r="R75" s="44"/>
      <c r="S75" s="44"/>
      <c r="T75" s="44"/>
      <c r="U75" s="44"/>
      <c r="V75" s="44"/>
    </row>
    <row r="76" spans="12:22" x14ac:dyDescent="0.25">
      <c r="L76" s="2"/>
      <c r="M76" s="44"/>
      <c r="N76" s="44"/>
      <c r="O76" s="44"/>
      <c r="P76" s="44"/>
      <c r="Q76" s="44"/>
      <c r="R76" s="44"/>
      <c r="S76" s="44"/>
      <c r="T76" s="44"/>
      <c r="U76" s="44"/>
      <c r="V76" s="44"/>
    </row>
    <row r="77" spans="12:22" ht="44.25" customHeight="1" x14ac:dyDescent="0.25">
      <c r="L77" s="2"/>
      <c r="M77" s="44"/>
      <c r="N77" s="44"/>
      <c r="O77" s="44"/>
      <c r="P77" s="44"/>
      <c r="Q77" s="44"/>
      <c r="R77" s="44"/>
      <c r="S77" s="44"/>
      <c r="T77" s="44"/>
      <c r="U77" s="44"/>
      <c r="V77" s="44"/>
    </row>
    <row r="78" spans="12:22" x14ac:dyDescent="0.25">
      <c r="L78" s="4">
        <v>25</v>
      </c>
      <c r="M78" s="3" t="s">
        <v>59</v>
      </c>
      <c r="N78" s="3"/>
      <c r="O78" s="3"/>
      <c r="P78" s="3"/>
      <c r="Q78" s="15" t="s">
        <v>65</v>
      </c>
      <c r="R78" s="22"/>
      <c r="S78" s="22"/>
      <c r="T78" s="22"/>
      <c r="U78" s="22"/>
      <c r="V78" s="22"/>
    </row>
    <row r="79" spans="12:22" ht="390.75" customHeight="1" x14ac:dyDescent="0.25">
      <c r="L79" s="4"/>
      <c r="M79" s="3"/>
      <c r="N79" s="3"/>
      <c r="O79" s="3"/>
      <c r="P79" s="3"/>
      <c r="Q79" s="22"/>
      <c r="R79" s="22"/>
      <c r="S79" s="22"/>
      <c r="T79" s="22"/>
      <c r="U79" s="22"/>
      <c r="V79" s="22"/>
    </row>
    <row r="80" spans="12:22" ht="33.75" customHeight="1" x14ac:dyDescent="0.25">
      <c r="L80" s="4"/>
      <c r="M80" s="3"/>
      <c r="N80" s="3"/>
      <c r="O80" s="3"/>
      <c r="P80" s="3"/>
      <c r="Q80" s="22"/>
      <c r="R80" s="22"/>
      <c r="S80" s="22"/>
      <c r="T80" s="22"/>
      <c r="U80" s="22"/>
      <c r="V80" s="22"/>
    </row>
    <row r="81" spans="12:22" x14ac:dyDescent="0.25">
      <c r="L81" s="4">
        <v>26</v>
      </c>
      <c r="M81" s="3" t="s">
        <v>60</v>
      </c>
      <c r="N81" s="3"/>
      <c r="O81" s="3"/>
      <c r="P81" s="3"/>
      <c r="Q81" s="15" t="s">
        <v>64</v>
      </c>
      <c r="R81" s="15"/>
      <c r="S81" s="15"/>
      <c r="T81" s="15"/>
      <c r="U81" s="15"/>
      <c r="V81" s="15"/>
    </row>
    <row r="82" spans="12:22" x14ac:dyDescent="0.25">
      <c r="L82" s="4"/>
      <c r="M82" s="3"/>
      <c r="N82" s="3"/>
      <c r="O82" s="3"/>
      <c r="P82" s="3"/>
      <c r="Q82" s="15"/>
      <c r="R82" s="15"/>
      <c r="S82" s="15"/>
      <c r="T82" s="15"/>
      <c r="U82" s="15"/>
      <c r="V82" s="15"/>
    </row>
    <row r="83" spans="12:22" ht="197.25" customHeight="1" x14ac:dyDescent="0.25">
      <c r="L83" s="4"/>
      <c r="M83" s="3"/>
      <c r="N83" s="3"/>
      <c r="O83" s="3"/>
      <c r="P83" s="3"/>
      <c r="Q83" s="15"/>
      <c r="R83" s="15"/>
      <c r="S83" s="15"/>
      <c r="T83" s="15"/>
      <c r="U83" s="15"/>
      <c r="V83" s="15"/>
    </row>
    <row r="84" spans="12:22" x14ac:dyDescent="0.25">
      <c r="L84" s="4">
        <v>27</v>
      </c>
      <c r="M84" s="3" t="s">
        <v>61</v>
      </c>
      <c r="N84" s="3"/>
      <c r="O84" s="3"/>
      <c r="P84" s="3"/>
      <c r="Q84" s="15" t="s">
        <v>66</v>
      </c>
      <c r="R84" s="22"/>
      <c r="S84" s="22"/>
      <c r="T84" s="22"/>
      <c r="U84" s="22"/>
      <c r="V84" s="22"/>
    </row>
    <row r="85" spans="12:22" x14ac:dyDescent="0.25">
      <c r="L85" s="4"/>
      <c r="M85" s="3"/>
      <c r="N85" s="3"/>
      <c r="O85" s="3"/>
      <c r="P85" s="3"/>
      <c r="Q85" s="22"/>
      <c r="R85" s="22"/>
      <c r="S85" s="22"/>
      <c r="T85" s="22"/>
      <c r="U85" s="22"/>
      <c r="V85" s="22"/>
    </row>
    <row r="86" spans="12:22" ht="409.5" customHeight="1" x14ac:dyDescent="0.25">
      <c r="L86" s="4"/>
      <c r="M86" s="3"/>
      <c r="N86" s="3"/>
      <c r="O86" s="3"/>
      <c r="P86" s="3"/>
      <c r="Q86" s="22"/>
      <c r="R86" s="22"/>
      <c r="S86" s="22"/>
      <c r="T86" s="22"/>
      <c r="U86" s="22"/>
      <c r="V86" s="22"/>
    </row>
    <row r="87" spans="12:22" x14ac:dyDescent="0.25">
      <c r="L87" s="4">
        <v>28</v>
      </c>
      <c r="M87" s="3" t="s">
        <v>62</v>
      </c>
      <c r="N87" s="3"/>
      <c r="O87" s="3"/>
      <c r="P87" s="3"/>
      <c r="Q87" s="15" t="s">
        <v>67</v>
      </c>
      <c r="R87" s="22"/>
      <c r="S87" s="22"/>
      <c r="T87" s="22"/>
      <c r="U87" s="22"/>
      <c r="V87" s="22"/>
    </row>
    <row r="88" spans="12:22" x14ac:dyDescent="0.25">
      <c r="L88" s="4"/>
      <c r="M88" s="3"/>
      <c r="N88" s="3"/>
      <c r="O88" s="3"/>
      <c r="P88" s="3"/>
      <c r="Q88" s="22"/>
      <c r="R88" s="22"/>
      <c r="S88" s="22"/>
      <c r="T88" s="22"/>
      <c r="U88" s="22"/>
      <c r="V88" s="22"/>
    </row>
    <row r="89" spans="12:22" ht="409.5" customHeight="1" x14ac:dyDescent="0.25">
      <c r="L89" s="4"/>
      <c r="M89" s="3"/>
      <c r="N89" s="3"/>
      <c r="O89" s="3"/>
      <c r="P89" s="3"/>
      <c r="Q89" s="22"/>
      <c r="R89" s="22"/>
      <c r="S89" s="22"/>
      <c r="T89" s="22"/>
      <c r="U89" s="22"/>
      <c r="V89" s="22"/>
    </row>
    <row r="90" spans="12:22" x14ac:dyDescent="0.25">
      <c r="L90" s="4">
        <v>29</v>
      </c>
      <c r="M90" s="3" t="s">
        <v>63</v>
      </c>
      <c r="N90" s="3"/>
      <c r="O90" s="3"/>
      <c r="P90" s="3"/>
      <c r="Q90" s="15" t="s">
        <v>68</v>
      </c>
      <c r="R90" s="22"/>
      <c r="S90" s="22"/>
      <c r="T90" s="22"/>
      <c r="U90" s="22"/>
      <c r="V90" s="22"/>
    </row>
    <row r="91" spans="12:22" x14ac:dyDescent="0.25">
      <c r="L91" s="4"/>
      <c r="M91" s="3"/>
      <c r="N91" s="3"/>
      <c r="O91" s="3"/>
      <c r="P91" s="3"/>
      <c r="Q91" s="22"/>
      <c r="R91" s="22"/>
      <c r="S91" s="22"/>
      <c r="T91" s="22"/>
      <c r="U91" s="22"/>
      <c r="V91" s="22"/>
    </row>
    <row r="92" spans="12:22" ht="48" customHeight="1" x14ac:dyDescent="0.25">
      <c r="L92" s="4"/>
      <c r="M92" s="3"/>
      <c r="N92" s="3"/>
      <c r="O92" s="3"/>
      <c r="P92" s="3"/>
      <c r="Q92" s="22"/>
      <c r="R92" s="22"/>
      <c r="S92" s="22"/>
      <c r="T92" s="22"/>
      <c r="U92" s="22"/>
      <c r="V92" s="22"/>
    </row>
    <row r="93" spans="12:22" x14ac:dyDescent="0.25">
      <c r="N93" s="45" t="s">
        <v>69</v>
      </c>
      <c r="O93" s="46"/>
      <c r="P93" s="46"/>
      <c r="Q93" s="46"/>
      <c r="R93" s="46"/>
      <c r="S93" s="46"/>
      <c r="T93" s="46"/>
      <c r="U93" s="46"/>
    </row>
    <row r="94" spans="12:22" ht="64.5" customHeight="1" x14ac:dyDescent="0.25">
      <c r="N94" s="47"/>
      <c r="O94" s="47"/>
      <c r="P94" s="47"/>
      <c r="Q94" s="47"/>
      <c r="R94" s="47"/>
      <c r="S94" s="47"/>
      <c r="T94" s="47"/>
      <c r="U94" s="47"/>
    </row>
    <row r="95" spans="12:22" x14ac:dyDescent="0.25">
      <c r="M95" s="15" t="s">
        <v>70</v>
      </c>
      <c r="N95" s="22"/>
      <c r="O95" s="22"/>
      <c r="P95" s="22"/>
      <c r="Q95" s="22"/>
      <c r="R95" s="22"/>
      <c r="S95" s="22"/>
      <c r="T95" s="22"/>
      <c r="U95" s="22"/>
      <c r="V95" s="22"/>
    </row>
    <row r="96" spans="12:22" x14ac:dyDescent="0.25">
      <c r="M96" s="22"/>
      <c r="N96" s="22"/>
      <c r="O96" s="22"/>
      <c r="P96" s="22"/>
      <c r="Q96" s="22"/>
      <c r="R96" s="22"/>
      <c r="S96" s="22"/>
      <c r="T96" s="22"/>
      <c r="U96" s="22"/>
      <c r="V96" s="22"/>
    </row>
    <row r="97" spans="13:22" x14ac:dyDescent="0.25">
      <c r="M97" s="22"/>
      <c r="N97" s="22"/>
      <c r="O97" s="22"/>
      <c r="P97" s="22"/>
      <c r="Q97" s="22"/>
      <c r="R97" s="22"/>
      <c r="S97" s="22"/>
      <c r="T97" s="22"/>
      <c r="U97" s="22"/>
      <c r="V97" s="22"/>
    </row>
    <row r="98" spans="13:22" ht="150" customHeight="1" x14ac:dyDescent="0.25">
      <c r="M98" s="22"/>
      <c r="N98" s="22"/>
      <c r="O98" s="22"/>
      <c r="P98" s="22"/>
      <c r="Q98" s="22"/>
      <c r="R98" s="22"/>
      <c r="S98" s="22"/>
      <c r="T98" s="22"/>
      <c r="U98" s="22"/>
      <c r="V98" s="22"/>
    </row>
  </sheetData>
  <mergeCells count="96">
    <mergeCell ref="Q81:V83"/>
    <mergeCell ref="Q84:V86"/>
    <mergeCell ref="Q87:V89"/>
    <mergeCell ref="Q90:V92"/>
    <mergeCell ref="N93:U94"/>
    <mergeCell ref="M95:V98"/>
    <mergeCell ref="L81:L83"/>
    <mergeCell ref="L84:L86"/>
    <mergeCell ref="L87:L89"/>
    <mergeCell ref="L90:L92"/>
    <mergeCell ref="M78:P80"/>
    <mergeCell ref="M81:P83"/>
    <mergeCell ref="M84:P86"/>
    <mergeCell ref="M87:P89"/>
    <mergeCell ref="M90:P92"/>
    <mergeCell ref="L72:L74"/>
    <mergeCell ref="M72:P74"/>
    <mergeCell ref="Q72:V74"/>
    <mergeCell ref="L75:L77"/>
    <mergeCell ref="M75:V77"/>
    <mergeCell ref="L78:L80"/>
    <mergeCell ref="Q78:V80"/>
    <mergeCell ref="L67:L71"/>
    <mergeCell ref="M67:P71"/>
    <mergeCell ref="Q67:V71"/>
    <mergeCell ref="M64:P66"/>
    <mergeCell ref="Q46:V48"/>
    <mergeCell ref="Q55:V57"/>
    <mergeCell ref="Q58:V60"/>
    <mergeCell ref="Q61:V63"/>
    <mergeCell ref="Q64:V66"/>
    <mergeCell ref="L58:L60"/>
    <mergeCell ref="L61:L63"/>
    <mergeCell ref="L64:L66"/>
    <mergeCell ref="M46:P48"/>
    <mergeCell ref="M55:P57"/>
    <mergeCell ref="M58:P60"/>
    <mergeCell ref="M61:P63"/>
    <mergeCell ref="L42:L45"/>
    <mergeCell ref="M42:V45"/>
    <mergeCell ref="L46:L48"/>
    <mergeCell ref="L55:L57"/>
    <mergeCell ref="L49:L54"/>
    <mergeCell ref="M49:P54"/>
    <mergeCell ref="Q49:V54"/>
    <mergeCell ref="M35:P36"/>
    <mergeCell ref="L35:L36"/>
    <mergeCell ref="Q35:V36"/>
    <mergeCell ref="Q37:V37"/>
    <mergeCell ref="Q38:V38"/>
    <mergeCell ref="L39:L41"/>
    <mergeCell ref="M39:P41"/>
    <mergeCell ref="Q39:V41"/>
    <mergeCell ref="M37:P37"/>
    <mergeCell ref="M38:P38"/>
    <mergeCell ref="Q31:V31"/>
    <mergeCell ref="Q32:V32"/>
    <mergeCell ref="Q33:V33"/>
    <mergeCell ref="Q34:V34"/>
    <mergeCell ref="L27:L30"/>
    <mergeCell ref="M27:V30"/>
    <mergeCell ref="M31:P31"/>
    <mergeCell ref="M32:P32"/>
    <mergeCell ref="M33:P33"/>
    <mergeCell ref="M34:P34"/>
    <mergeCell ref="M23:Q23"/>
    <mergeCell ref="R23:V23"/>
    <mergeCell ref="M24:V24"/>
    <mergeCell ref="M25:V25"/>
    <mergeCell ref="M26:P26"/>
    <mergeCell ref="Q26:V26"/>
    <mergeCell ref="M21:Q21"/>
    <mergeCell ref="R17:V17"/>
    <mergeCell ref="R18:V18"/>
    <mergeCell ref="R19:V19"/>
    <mergeCell ref="R20:V20"/>
    <mergeCell ref="R21:V21"/>
    <mergeCell ref="M22:V22"/>
    <mergeCell ref="L15:L16"/>
    <mergeCell ref="M15:V16"/>
    <mergeCell ref="M17:Q17"/>
    <mergeCell ref="M18:Q18"/>
    <mergeCell ref="M19:Q19"/>
    <mergeCell ref="M20:Q20"/>
    <mergeCell ref="L13:P13"/>
    <mergeCell ref="Q9:V9"/>
    <mergeCell ref="Q10:V10"/>
    <mergeCell ref="Q11:V11"/>
    <mergeCell ref="Q12:V12"/>
    <mergeCell ref="Q13:V13"/>
    <mergeCell ref="L1:V5"/>
    <mergeCell ref="L7:P7"/>
    <mergeCell ref="L9:P9"/>
    <mergeCell ref="L10:P10"/>
    <mergeCell ref="L11:P11"/>
    <mergeCell ref="L12:P12"/>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1</vt:i4>
      </vt:variant>
    </vt:vector>
  </HeadingPairs>
  <TitlesOfParts>
    <vt:vector size="1" baseType="lpstr">
      <vt:lpstr>Лист1</vt:lpstr>
    </vt:vector>
  </TitlesOfParts>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Глушницкий Егор Вячеславович</dc:creator>
  <cp:lastModifiedBy>Глушницкий Егор Вячеславович</cp:lastModifiedBy>
  <dcterms:created xsi:type="dcterms:W3CDTF">2023-11-14T10:19:58Z</dcterms:created>
  <dcterms:modified xsi:type="dcterms:W3CDTF">2023-11-14T13:58:42Z</dcterms:modified>
</cp:coreProperties>
</file>